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幼稚園" sheetId="1" r:id="rId1"/>
  </sheets>
  <definedNames>
    <definedName name="_xlnm._FilterDatabase" localSheetId="0" hidden="1">幼稚園!$B$4:$H$38</definedName>
    <definedName name="_xlnm.Print_Area" localSheetId="0">幼稚園!$B$1:$H$40</definedName>
  </definedNames>
  <calcPr calcId="125725"/>
</workbook>
</file>

<file path=xl/sharedStrings.xml><?xml version="1.0" encoding="utf-8"?>
<sst xmlns="http://schemas.openxmlformats.org/spreadsheetml/2006/main" count="226" uniqueCount="210">
  <si>
    <t>幼稚園</t>
    <rPh sb="0" eb="3">
      <t>ヨウチエン</t>
    </rPh>
    <phoneticPr fontId="1"/>
  </si>
  <si>
    <t>市町村</t>
    <rPh sb="0" eb="3">
      <t>シチョウソン</t>
    </rPh>
    <phoneticPr fontId="1"/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横須賀市立大楠幼稚園</t>
    <rPh sb="0" eb="3">
      <t>ヨコスカ</t>
    </rPh>
    <rPh sb="3" eb="5">
      <t>イチリツ</t>
    </rPh>
    <phoneticPr fontId="2"/>
  </si>
  <si>
    <t>おおぐす　</t>
  </si>
  <si>
    <t>240-0104</t>
  </si>
  <si>
    <t>横須賀市芦名1-29-1</t>
  </si>
  <si>
    <t>平塚市立ひばり幼稚園</t>
    <rPh sb="0" eb="2">
      <t>ヒラツカ</t>
    </rPh>
    <phoneticPr fontId="2"/>
  </si>
  <si>
    <t>ひばり　</t>
  </si>
  <si>
    <t>254-0061</t>
  </si>
  <si>
    <t>平塚市御殿2-17-5</t>
  </si>
  <si>
    <t>つちや　</t>
  </si>
  <si>
    <t>259-1205</t>
  </si>
  <si>
    <t>平塚市土屋996</t>
  </si>
  <si>
    <t>秦野市立本町幼稚園</t>
    <rPh sb="0" eb="2">
      <t>ハダノ</t>
    </rPh>
    <phoneticPr fontId="2"/>
  </si>
  <si>
    <t>ほんちょう　</t>
  </si>
  <si>
    <t>257-0044</t>
  </si>
  <si>
    <t>秦野市文京町1-10</t>
  </si>
  <si>
    <t>みなみ　</t>
  </si>
  <si>
    <t>257-0014</t>
  </si>
  <si>
    <t>秦野市今泉699</t>
  </si>
  <si>
    <t>ひがし　</t>
  </si>
  <si>
    <t>257-0023</t>
  </si>
  <si>
    <t>秦野市寺山509</t>
  </si>
  <si>
    <t>きた　</t>
  </si>
  <si>
    <t>259-1302</t>
  </si>
  <si>
    <t>秦野市菩提375</t>
  </si>
  <si>
    <t>にし　</t>
  </si>
  <si>
    <t>259-1317</t>
  </si>
  <si>
    <t>秦野市並木町8-1</t>
  </si>
  <si>
    <t>かみ　</t>
  </si>
  <si>
    <t>259-1334</t>
  </si>
  <si>
    <t>ほりかわ　</t>
  </si>
  <si>
    <t>259-1305</t>
  </si>
  <si>
    <t>南足柄市苅野675</t>
  </si>
  <si>
    <t>250-0122</t>
  </si>
  <si>
    <t>南足柄市飯沢150</t>
  </si>
  <si>
    <t>ふくざわ　</t>
  </si>
  <si>
    <t>250-0102</t>
  </si>
  <si>
    <t>南足柄市立岡本幼稚園</t>
    <rPh sb="0" eb="1">
      <t>ミナミ</t>
    </rPh>
    <rPh sb="1" eb="3">
      <t>アシガラ</t>
    </rPh>
    <rPh sb="3" eb="5">
      <t>イチリツ</t>
    </rPh>
    <phoneticPr fontId="2"/>
  </si>
  <si>
    <t>おかもと　</t>
  </si>
  <si>
    <t>250-0117</t>
  </si>
  <si>
    <t>南足柄市塚原2212</t>
  </si>
  <si>
    <t>むつみ　</t>
  </si>
  <si>
    <t>250-0112</t>
  </si>
  <si>
    <t>南足柄市和田河原323</t>
  </si>
  <si>
    <t>小田原市立酒匂幼稚園</t>
    <rPh sb="0" eb="3">
      <t>オダワラ</t>
    </rPh>
    <phoneticPr fontId="2"/>
  </si>
  <si>
    <t>さかわ　</t>
  </si>
  <si>
    <t>256-0816</t>
  </si>
  <si>
    <t>小田原市酒匂6-8-26</t>
  </si>
  <si>
    <t>250-0866</t>
  </si>
  <si>
    <t>小田原市中曽根355-5</t>
  </si>
  <si>
    <t>まえは　</t>
  </si>
  <si>
    <t>256-0813</t>
  </si>
  <si>
    <t>小田原市前川510</t>
  </si>
  <si>
    <t>小田原市立下中幼稚園</t>
    <rPh sb="0" eb="3">
      <t>オダワラ</t>
    </rPh>
    <phoneticPr fontId="2"/>
  </si>
  <si>
    <t>しもなか　</t>
  </si>
  <si>
    <t>256-0806</t>
  </si>
  <si>
    <t>小田原市小船174-1</t>
  </si>
  <si>
    <t>やはぎ　</t>
  </si>
  <si>
    <t>250-0873</t>
  </si>
  <si>
    <t>小田原市矢作231</t>
  </si>
  <si>
    <t>ほうとく　</t>
  </si>
  <si>
    <t>250-0857</t>
  </si>
  <si>
    <t>小田原市柳新田129-3</t>
  </si>
  <si>
    <t>大磯町立大磯幼稚園</t>
    <rPh sb="0" eb="2">
      <t>オオイソ</t>
    </rPh>
    <rPh sb="2" eb="4">
      <t>チョウリツ</t>
    </rPh>
    <phoneticPr fontId="2"/>
  </si>
  <si>
    <t>おおいそ　</t>
  </si>
  <si>
    <t>255-0003</t>
  </si>
  <si>
    <t>大井町立相和幼稚園</t>
    <rPh sb="0" eb="2">
      <t>オオイ</t>
    </rPh>
    <phoneticPr fontId="2"/>
  </si>
  <si>
    <t>そうわ　</t>
  </si>
  <si>
    <t>258-0015</t>
  </si>
  <si>
    <t>おおい　</t>
  </si>
  <si>
    <t>258-0019</t>
  </si>
  <si>
    <t>258-0002</t>
  </si>
  <si>
    <t>やどりき　</t>
  </si>
  <si>
    <t>258-0001</t>
  </si>
  <si>
    <t>山北町立岸幼稚園</t>
    <rPh sb="0" eb="2">
      <t>ヤマキタ</t>
    </rPh>
    <phoneticPr fontId="2"/>
  </si>
  <si>
    <t>きし　</t>
  </si>
  <si>
    <t>開成町立開成幼稚園</t>
    <rPh sb="0" eb="2">
      <t>カイセイ</t>
    </rPh>
    <rPh sb="2" eb="4">
      <t>チョウリツ</t>
    </rPh>
    <phoneticPr fontId="2"/>
  </si>
  <si>
    <t>かいせい　</t>
  </si>
  <si>
    <t>258-0022</t>
  </si>
  <si>
    <t>はこね　</t>
  </si>
  <si>
    <t>250-0521</t>
  </si>
  <si>
    <t>真鶴町立ひなづる幼稚園</t>
    <rPh sb="0" eb="2">
      <t>マナヅル</t>
    </rPh>
    <phoneticPr fontId="2"/>
  </si>
  <si>
    <t>ひなづる　</t>
  </si>
  <si>
    <t>湯河原町立福浦幼稚園</t>
    <rPh sb="0" eb="3">
      <t>ユガワラ</t>
    </rPh>
    <phoneticPr fontId="2"/>
  </si>
  <si>
    <t>ふくうら　</t>
  </si>
  <si>
    <t>清川村立清川幼稚園</t>
    <rPh sb="0" eb="2">
      <t>キヨカワ</t>
    </rPh>
    <rPh sb="2" eb="4">
      <t>ソンリツ</t>
    </rPh>
    <phoneticPr fontId="2"/>
  </si>
  <si>
    <t>きよかわ　</t>
  </si>
  <si>
    <t>243-0112</t>
  </si>
  <si>
    <t>秦野市立西幼稚園</t>
    <phoneticPr fontId="2"/>
  </si>
  <si>
    <t>秦野市立上幼稚園</t>
    <phoneticPr fontId="2"/>
  </si>
  <si>
    <t>秦野市立ほりかわ幼稚園</t>
    <phoneticPr fontId="2"/>
  </si>
  <si>
    <t>大磯町立たかとり幼稚園</t>
    <phoneticPr fontId="2"/>
  </si>
  <si>
    <t>松田町立松田幼稚園</t>
    <rPh sb="0" eb="2">
      <t>マツダ</t>
    </rPh>
    <rPh sb="4" eb="6">
      <t>マツダ</t>
    </rPh>
    <phoneticPr fontId="2"/>
  </si>
  <si>
    <t>よみがな</t>
    <phoneticPr fontId="1"/>
  </si>
  <si>
    <t>平塚市立土屋幼稚園</t>
    <phoneticPr fontId="2"/>
  </si>
  <si>
    <t>秦野市立南幼稚園</t>
    <phoneticPr fontId="2"/>
  </si>
  <si>
    <t>秦野市立東幼稚園</t>
    <phoneticPr fontId="2"/>
  </si>
  <si>
    <t>秦野市立北幼稚園</t>
    <phoneticPr fontId="2"/>
  </si>
  <si>
    <t>たかとり</t>
    <phoneticPr fontId="1"/>
  </si>
  <si>
    <t>259-0102</t>
    <phoneticPr fontId="1"/>
  </si>
  <si>
    <t>南足柄市立北幼稚園</t>
    <phoneticPr fontId="2"/>
  </si>
  <si>
    <t>250-0135</t>
    <phoneticPr fontId="2"/>
  </si>
  <si>
    <t>南足柄市立南足柄幼稚園</t>
    <phoneticPr fontId="2"/>
  </si>
  <si>
    <t>みなみあしがら</t>
    <phoneticPr fontId="1"/>
  </si>
  <si>
    <t>南足柄市立福沢幼稚園</t>
    <phoneticPr fontId="2"/>
  </si>
  <si>
    <t>南足柄市千津島3001-10</t>
    <phoneticPr fontId="1"/>
  </si>
  <si>
    <t>南足柄市立むつみ幼稚園</t>
    <phoneticPr fontId="2"/>
  </si>
  <si>
    <t>大井町立大井幼稚園</t>
    <phoneticPr fontId="2"/>
  </si>
  <si>
    <t>258-0018</t>
    <phoneticPr fontId="2"/>
  </si>
  <si>
    <t>大井町立大井第二幼稚園</t>
    <phoneticPr fontId="2"/>
  </si>
  <si>
    <t>おおいだいに</t>
    <phoneticPr fontId="1"/>
  </si>
  <si>
    <t>まつだ</t>
    <phoneticPr fontId="1"/>
  </si>
  <si>
    <t>松田町立寄幼稚園</t>
    <phoneticPr fontId="2"/>
  </si>
  <si>
    <t>小田原市立東富水幼稚園</t>
    <phoneticPr fontId="2"/>
  </si>
  <si>
    <t>ひがしとみず</t>
    <phoneticPr fontId="1"/>
  </si>
  <si>
    <t>小田原市立矢作幼稚園</t>
    <phoneticPr fontId="2"/>
  </si>
  <si>
    <t>小田原市立報徳幼稚園</t>
    <phoneticPr fontId="2"/>
  </si>
  <si>
    <t>箱根町立箱根幼稚園</t>
    <phoneticPr fontId="2"/>
  </si>
  <si>
    <t>259-0312</t>
    <phoneticPr fontId="2"/>
  </si>
  <si>
    <t>(046)857-3601</t>
  </si>
  <si>
    <t>(046)857-3662</t>
  </si>
  <si>
    <t>(046)288-1254</t>
  </si>
  <si>
    <t>(046)287-1137</t>
  </si>
  <si>
    <t>(0463)31-3828</t>
  </si>
  <si>
    <t>(0463)58-1415</t>
  </si>
  <si>
    <t>(0463)81-0946</t>
  </si>
  <si>
    <t>(0463)84-0567</t>
  </si>
  <si>
    <t>(0463)81-3606</t>
  </si>
  <si>
    <t>(0463)84-0565</t>
  </si>
  <si>
    <t>(0463)81-6325</t>
  </si>
  <si>
    <t>(0463)84-0569</t>
  </si>
  <si>
    <t>(0463)75-1326</t>
  </si>
  <si>
    <t>(0463)75-1693</t>
  </si>
  <si>
    <t>(0463)88-2663</t>
  </si>
  <si>
    <t>(0463)87-2764</t>
  </si>
  <si>
    <t>(0463)88-1645</t>
  </si>
  <si>
    <t>(0463)87-2793</t>
  </si>
  <si>
    <t>(0463)88-4821</t>
  </si>
  <si>
    <t>(0463)61-0505</t>
  </si>
  <si>
    <t>(0463)71-3050</t>
  </si>
  <si>
    <t>(0465)74-2515</t>
  </si>
  <si>
    <t>(0465)74-2512</t>
  </si>
  <si>
    <t>(0465)74-2514</t>
  </si>
  <si>
    <t>(0465)74-2513</t>
  </si>
  <si>
    <t>(0465)74-4715</t>
  </si>
  <si>
    <t>(0465)82-3656</t>
  </si>
  <si>
    <t>(0465)82-3659</t>
  </si>
  <si>
    <t>(0465)82-3650</t>
  </si>
  <si>
    <t>(0465)85-1809</t>
  </si>
  <si>
    <t>(0465)83-0545</t>
  </si>
  <si>
    <t>(0465)83-2517</t>
  </si>
  <si>
    <t>(0465)89-2452</t>
  </si>
  <si>
    <t>(0465)75-1145</t>
  </si>
  <si>
    <t>(0465)82-4247</t>
  </si>
  <si>
    <t>(0465)82-4716</t>
  </si>
  <si>
    <t>(0465)47-3661</t>
  </si>
  <si>
    <t>(0465)47-3662</t>
  </si>
  <si>
    <t>(0465)36-3606</t>
  </si>
  <si>
    <t>(0465)36-2836</t>
  </si>
  <si>
    <t>(0465)43-0612</t>
  </si>
  <si>
    <t>(0465)43-3984</t>
  </si>
  <si>
    <t>(0465)48-4515</t>
  </si>
  <si>
    <t>(0465)49-6823</t>
  </si>
  <si>
    <t>(0465)37-0585</t>
  </si>
  <si>
    <t>(0465)37-5806</t>
  </si>
  <si>
    <t>(0465)68-2085</t>
  </si>
  <si>
    <t>(0465)62-6532</t>
  </si>
  <si>
    <t>(0460)83-6159</t>
  </si>
  <si>
    <t>(0460)83-6169</t>
  </si>
  <si>
    <t>258-0112</t>
    <phoneticPr fontId="1"/>
  </si>
  <si>
    <t>ファクシミリ</t>
    <phoneticPr fontId="1"/>
  </si>
  <si>
    <r>
      <t>秦野市柳川2</t>
    </r>
    <r>
      <rPr>
        <sz val="11"/>
        <rFont val="ＭＳ Ｐゴシック"/>
        <family val="3"/>
        <charset val="128"/>
      </rPr>
      <t>5-3</t>
    </r>
    <phoneticPr fontId="1"/>
  </si>
  <si>
    <r>
      <t>259-020</t>
    </r>
    <r>
      <rPr>
        <sz val="11"/>
        <rFont val="ＭＳ Ｐゴシック"/>
        <family val="3"/>
        <charset val="128"/>
      </rPr>
      <t>1</t>
    </r>
    <phoneticPr fontId="2"/>
  </si>
  <si>
    <t>中郡大磯町大磯942</t>
    <rPh sb="0" eb="2">
      <t>ナカグン</t>
    </rPh>
    <phoneticPr fontId="1"/>
  </si>
  <si>
    <t>中郡大磯町生沢402-1</t>
    <rPh sb="5" eb="7">
      <t>イクサワ</t>
    </rPh>
    <phoneticPr fontId="1"/>
  </si>
  <si>
    <t>足柄上郡大井町山田566</t>
    <rPh sb="0" eb="4">
      <t>アシガラカミグン</t>
    </rPh>
    <phoneticPr fontId="1"/>
  </si>
  <si>
    <t>足柄上郡大井町金手451-1</t>
    <rPh sb="8" eb="9">
      <t>テ</t>
    </rPh>
    <phoneticPr fontId="2"/>
  </si>
  <si>
    <t>足柄上郡大井町金子1270-1</t>
    <phoneticPr fontId="1"/>
  </si>
  <si>
    <t>足柄上郡松田町神山404</t>
    <phoneticPr fontId="1"/>
  </si>
  <si>
    <t>足柄上郡松田町寄2505</t>
    <phoneticPr fontId="1"/>
  </si>
  <si>
    <t>足柄上郡山北町岸1995</t>
    <rPh sb="7" eb="8">
      <t>キシ</t>
    </rPh>
    <phoneticPr fontId="1"/>
  </si>
  <si>
    <t>足柄上郡開成町牛島336</t>
    <phoneticPr fontId="1"/>
  </si>
  <si>
    <t>足柄下郡箱根町箱根561</t>
    <rPh sb="0" eb="4">
      <t>アシガラシモグン</t>
    </rPh>
    <phoneticPr fontId="1"/>
  </si>
  <si>
    <t>足柄下郡真鶴町真鶴1412-3</t>
    <phoneticPr fontId="1"/>
  </si>
  <si>
    <t>足柄下郡湯河原町吉浜216</t>
    <phoneticPr fontId="1"/>
  </si>
  <si>
    <t>愛甲郡清川村煤ヶ谷2130</t>
    <rPh sb="0" eb="3">
      <t>アイコウグン</t>
    </rPh>
    <phoneticPr fontId="1"/>
  </si>
  <si>
    <t>小田原市立前羽幼稚園</t>
    <rPh sb="0" eb="3">
      <t>オダワラ</t>
    </rPh>
    <phoneticPr fontId="2"/>
  </si>
  <si>
    <t>※現在休園中</t>
    <rPh sb="1" eb="3">
      <t>ゲンザイ</t>
    </rPh>
    <rPh sb="3" eb="6">
      <t>キュウエンチュウ</t>
    </rPh>
    <phoneticPr fontId="1"/>
  </si>
  <si>
    <r>
      <t>開成町（本</t>
    </r>
    <r>
      <rPr>
        <sz val="11"/>
        <rFont val="ＭＳ Ｐゴシック"/>
        <family val="3"/>
        <charset val="128"/>
      </rPr>
      <t>園1校）</t>
    </r>
    <rPh sb="0" eb="3">
      <t>カイセイチョウ</t>
    </rPh>
    <rPh sb="5" eb="6">
      <t>エン</t>
    </rPh>
    <phoneticPr fontId="1"/>
  </si>
  <si>
    <r>
      <t>箱根町（本</t>
    </r>
    <r>
      <rPr>
        <sz val="11"/>
        <rFont val="ＭＳ Ｐゴシック"/>
        <family val="3"/>
        <charset val="128"/>
      </rPr>
      <t>園1校）</t>
    </r>
    <rPh sb="5" eb="6">
      <t>エン</t>
    </rPh>
    <phoneticPr fontId="1"/>
  </si>
  <si>
    <r>
      <t>真鶴町（本</t>
    </r>
    <r>
      <rPr>
        <sz val="11"/>
        <rFont val="ＭＳ Ｐゴシック"/>
        <family val="3"/>
        <charset val="128"/>
      </rPr>
      <t>園1校）</t>
    </r>
    <rPh sb="0" eb="2">
      <t>マナヅル</t>
    </rPh>
    <rPh sb="2" eb="3">
      <t>マチ</t>
    </rPh>
    <rPh sb="5" eb="6">
      <t>エン</t>
    </rPh>
    <phoneticPr fontId="1"/>
  </si>
  <si>
    <r>
      <t>湯河原町（本</t>
    </r>
    <r>
      <rPr>
        <sz val="11"/>
        <rFont val="ＭＳ Ｐゴシック"/>
        <family val="3"/>
        <charset val="128"/>
      </rPr>
      <t>園1校）</t>
    </r>
    <rPh sb="0" eb="4">
      <t>ユガワラマチ</t>
    </rPh>
    <rPh sb="6" eb="7">
      <t>エン</t>
    </rPh>
    <phoneticPr fontId="1"/>
  </si>
  <si>
    <r>
      <t>清川村（本</t>
    </r>
    <r>
      <rPr>
        <sz val="11"/>
        <rFont val="ＭＳ Ｐゴシック"/>
        <family val="3"/>
        <charset val="128"/>
      </rPr>
      <t>園1校）</t>
    </r>
    <rPh sb="0" eb="3">
      <t>キヨカワムラ</t>
    </rPh>
    <rPh sb="5" eb="6">
      <t>エン</t>
    </rPh>
    <phoneticPr fontId="1"/>
  </si>
  <si>
    <t>横須賀市（本園1校）</t>
    <rPh sb="0" eb="4">
      <t>ヨコスカシ</t>
    </rPh>
    <rPh sb="5" eb="6">
      <t>ホン</t>
    </rPh>
    <rPh sb="6" eb="7">
      <t>エン</t>
    </rPh>
    <rPh sb="8" eb="9">
      <t>コウ</t>
    </rPh>
    <phoneticPr fontId="1"/>
  </si>
  <si>
    <t>山北町（本園1校）</t>
    <rPh sb="0" eb="3">
      <t>ヤマキタマチ</t>
    </rPh>
    <phoneticPr fontId="1"/>
  </si>
  <si>
    <t>平塚市
（本園2校）</t>
    <rPh sb="0" eb="3">
      <t>ヒラツカシ</t>
    </rPh>
    <phoneticPr fontId="1"/>
  </si>
  <si>
    <t>小田原市
（本園6校）</t>
    <rPh sb="0" eb="4">
      <t>オダワラシ</t>
    </rPh>
    <phoneticPr fontId="1"/>
  </si>
  <si>
    <t>秦野市
（本園7校）</t>
    <rPh sb="0" eb="3">
      <t>ハダノシ</t>
    </rPh>
    <phoneticPr fontId="1"/>
  </si>
  <si>
    <t>南足柄市
（本園5校）</t>
    <rPh sb="0" eb="4">
      <t>ミナミアシガラシ</t>
    </rPh>
    <phoneticPr fontId="1"/>
  </si>
  <si>
    <t>大磯町
（本園2校）</t>
    <rPh sb="0" eb="3">
      <t>オオイソマチ</t>
    </rPh>
    <phoneticPr fontId="1"/>
  </si>
  <si>
    <t>大井町
（本園3校）</t>
    <rPh sb="0" eb="2">
      <t>オオイ</t>
    </rPh>
    <rPh sb="2" eb="3">
      <t>マチ</t>
    </rPh>
    <phoneticPr fontId="1"/>
  </si>
  <si>
    <t>松田町
（本園2校）</t>
    <rPh sb="0" eb="3">
      <t>マツダマチ</t>
    </rPh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秦野市堀川105-3109-2</t>
  </si>
  <si>
    <t>ー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sz val="9"/>
      <name val="ＭＳ ゴシック"/>
      <family val="3"/>
      <charset val="128"/>
    </font>
    <font>
      <b/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trike/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3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</borders>
  <cellStyleXfs count="1">
    <xf numFmtId="0" fontId="0" fillId="0" borderId="0"/>
  </cellStyleXfs>
  <cellXfs count="79"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Alignment="1">
      <alignment horizontal="center"/>
    </xf>
    <xf numFmtId="49" fontId="3" fillId="0" borderId="0" xfId="0" applyNumberFormat="1" applyFont="1" applyFill="1" applyBorder="1" applyAlignment="1">
      <alignment horizontal="left" vertical="center" wrapText="1"/>
    </xf>
    <xf numFmtId="0" fontId="3" fillId="0" borderId="0" xfId="0" applyNumberFormat="1" applyFont="1" applyFill="1" applyBorder="1" applyAlignment="1">
      <alignment vertical="center" wrapText="1"/>
    </xf>
    <xf numFmtId="0" fontId="0" fillId="0" borderId="0" xfId="0" applyFill="1" applyBorder="1" applyAlignment="1">
      <alignment horizontal="center" vertical="center"/>
    </xf>
    <xf numFmtId="0" fontId="0" fillId="0" borderId="0" xfId="0" applyFill="1" applyBorder="1" applyAlignment="1">
      <alignment horizontal="center"/>
    </xf>
    <xf numFmtId="0" fontId="0" fillId="0" borderId="0" xfId="0" applyFill="1" applyBorder="1"/>
    <xf numFmtId="0" fontId="0" fillId="0" borderId="0" xfId="0" applyFill="1"/>
    <xf numFmtId="0" fontId="5" fillId="0" borderId="0" xfId="0" applyFont="1"/>
    <xf numFmtId="0" fontId="5" fillId="0" borderId="0" xfId="0" applyFont="1" applyAlignment="1">
      <alignment horizontal="left"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Fill="1"/>
    <xf numFmtId="0" fontId="5" fillId="0" borderId="0" xfId="0" applyFont="1" applyFill="1" applyAlignment="1">
      <alignment horizontal="center"/>
    </xf>
    <xf numFmtId="0" fontId="5" fillId="0" borderId="0" xfId="0" applyFont="1" applyAlignment="1">
      <alignment horizontal="center"/>
    </xf>
    <xf numFmtId="0" fontId="4" fillId="0" borderId="0" xfId="0" applyFont="1" applyFill="1" applyBorder="1" applyAlignment="1">
      <alignment vertical="center"/>
    </xf>
    <xf numFmtId="49" fontId="3" fillId="0" borderId="0" xfId="0" applyNumberFormat="1" applyFont="1" applyFill="1" applyBorder="1" applyAlignment="1">
      <alignment vertical="center" wrapText="1"/>
    </xf>
    <xf numFmtId="0" fontId="0" fillId="0" borderId="0" xfId="0" applyFont="1" applyFill="1"/>
    <xf numFmtId="0" fontId="0" fillId="0" borderId="0" xfId="0" applyFont="1" applyFill="1" applyBorder="1"/>
    <xf numFmtId="0" fontId="0" fillId="0" borderId="0" xfId="0" applyFont="1" applyFill="1" applyAlignment="1">
      <alignment horizontal="center"/>
    </xf>
    <xf numFmtId="0" fontId="0" fillId="0" borderId="22" xfId="0" applyNumberFormat="1" applyFont="1" applyFill="1" applyBorder="1" applyAlignment="1">
      <alignment horizontal="center" vertical="center" shrinkToFit="1"/>
    </xf>
    <xf numFmtId="0" fontId="0" fillId="0" borderId="31" xfId="0" applyNumberFormat="1" applyFont="1" applyFill="1" applyBorder="1" applyAlignment="1">
      <alignment horizontal="center" vertical="center" shrinkToFit="1"/>
    </xf>
    <xf numFmtId="0" fontId="0" fillId="0" borderId="5" xfId="0" applyNumberFormat="1" applyFont="1" applyFill="1" applyBorder="1" applyAlignment="1">
      <alignment horizontal="center" vertical="center" shrinkToFit="1"/>
    </xf>
    <xf numFmtId="0" fontId="0" fillId="0" borderId="6" xfId="0" applyNumberFormat="1" applyFont="1" applyFill="1" applyBorder="1" applyAlignment="1">
      <alignment horizontal="left" vertical="center" shrinkToFit="1"/>
    </xf>
    <xf numFmtId="0" fontId="0" fillId="0" borderId="7" xfId="0" applyNumberFormat="1" applyFont="1" applyFill="1" applyBorder="1" applyAlignment="1">
      <alignment horizontal="left" vertical="center" shrinkToFit="1"/>
    </xf>
    <xf numFmtId="0" fontId="0" fillId="0" borderId="6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vertical="center" shrinkToFit="1"/>
    </xf>
    <xf numFmtId="0" fontId="0" fillId="0" borderId="8" xfId="0" applyNumberFormat="1" applyFont="1" applyFill="1" applyBorder="1" applyAlignment="1">
      <alignment horizontal="center" vertical="center" shrinkToFit="1"/>
    </xf>
    <xf numFmtId="0" fontId="0" fillId="0" borderId="11" xfId="0" applyNumberFormat="1" applyFont="1" applyFill="1" applyBorder="1" applyAlignment="1">
      <alignment horizontal="center" vertical="center" shrinkToFit="1"/>
    </xf>
    <xf numFmtId="0" fontId="0" fillId="0" borderId="12" xfId="0" applyNumberFormat="1" applyFont="1" applyFill="1" applyBorder="1" applyAlignment="1">
      <alignment horizontal="left" vertical="center" shrinkToFit="1"/>
    </xf>
    <xf numFmtId="0" fontId="0" fillId="0" borderId="13" xfId="0" applyNumberFormat="1" applyFont="1" applyFill="1" applyBorder="1" applyAlignment="1">
      <alignment horizontal="left" vertical="center" shrinkToFit="1"/>
    </xf>
    <xf numFmtId="0" fontId="0" fillId="0" borderId="12" xfId="0" applyNumberFormat="1" applyFont="1" applyFill="1" applyBorder="1" applyAlignment="1">
      <alignment horizontal="center" vertical="center" shrinkToFit="1"/>
    </xf>
    <xf numFmtId="0" fontId="0" fillId="0" borderId="13" xfId="0" applyNumberFormat="1" applyFont="1" applyFill="1" applyBorder="1" applyAlignment="1">
      <alignment vertical="center" shrinkToFit="1"/>
    </xf>
    <xf numFmtId="0" fontId="0" fillId="0" borderId="14" xfId="0" applyNumberFormat="1" applyFont="1" applyFill="1" applyBorder="1" applyAlignment="1">
      <alignment horizontal="center" vertical="center" shrinkToFit="1"/>
    </xf>
    <xf numFmtId="0" fontId="0" fillId="0" borderId="15" xfId="0" applyNumberFormat="1" applyFont="1" applyFill="1" applyBorder="1" applyAlignment="1">
      <alignment horizontal="left" vertical="center" shrinkToFit="1"/>
    </xf>
    <xf numFmtId="0" fontId="0" fillId="0" borderId="16" xfId="0" applyNumberFormat="1" applyFont="1" applyFill="1" applyBorder="1" applyAlignment="1">
      <alignment horizontal="left" vertical="center" shrinkToFit="1"/>
    </xf>
    <xf numFmtId="0" fontId="0" fillId="0" borderId="15" xfId="0" applyNumberFormat="1" applyFont="1" applyFill="1" applyBorder="1" applyAlignment="1">
      <alignment horizontal="center" vertical="center" shrinkToFit="1"/>
    </xf>
    <xf numFmtId="0" fontId="0" fillId="0" borderId="16" xfId="0" applyNumberFormat="1" applyFont="1" applyFill="1" applyBorder="1" applyAlignment="1">
      <alignment vertical="center" shrinkToFit="1"/>
    </xf>
    <xf numFmtId="0" fontId="0" fillId="0" borderId="25" xfId="0" applyNumberFormat="1" applyFont="1" applyFill="1" applyBorder="1" applyAlignment="1">
      <alignment horizontal="center" vertical="center" shrinkToFit="1"/>
    </xf>
    <xf numFmtId="0" fontId="0" fillId="0" borderId="26" xfId="0" applyNumberFormat="1" applyFont="1" applyFill="1" applyBorder="1" applyAlignment="1">
      <alignment horizontal="left" vertical="center" shrinkToFit="1"/>
    </xf>
    <xf numFmtId="0" fontId="0" fillId="0" borderId="27" xfId="0" applyNumberFormat="1" applyFont="1" applyFill="1" applyBorder="1" applyAlignment="1">
      <alignment horizontal="left" vertical="center" shrinkToFit="1"/>
    </xf>
    <xf numFmtId="0" fontId="0" fillId="0" borderId="26" xfId="0" applyNumberFormat="1" applyFont="1" applyFill="1" applyBorder="1" applyAlignment="1">
      <alignment horizontal="center" vertical="center" shrinkToFit="1"/>
    </xf>
    <xf numFmtId="0" fontId="0" fillId="0" borderId="27" xfId="0" applyNumberFormat="1" applyFont="1" applyFill="1" applyBorder="1" applyAlignment="1">
      <alignment vertical="center" shrinkToFit="1"/>
    </xf>
    <xf numFmtId="0" fontId="0" fillId="0" borderId="28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horizontal="left" vertical="center" shrinkToFit="1"/>
    </xf>
    <xf numFmtId="0" fontId="0" fillId="0" borderId="0" xfId="0" applyNumberFormat="1" applyFont="1" applyFill="1" applyBorder="1" applyAlignment="1">
      <alignment horizontal="left" vertical="center" shrinkToFit="1"/>
    </xf>
    <xf numFmtId="0" fontId="0" fillId="0" borderId="9" xfId="0" applyNumberFormat="1" applyFont="1" applyFill="1" applyBorder="1" applyAlignment="1">
      <alignment horizontal="center" vertical="center" shrinkToFit="1"/>
    </xf>
    <xf numFmtId="0" fontId="0" fillId="0" borderId="0" xfId="0" applyNumberFormat="1" applyFont="1" applyFill="1" applyBorder="1" applyAlignment="1">
      <alignment vertical="center" shrinkToFit="1"/>
    </xf>
    <xf numFmtId="0" fontId="0" fillId="0" borderId="10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horizontal="left" vertical="center" shrinkToFit="1"/>
    </xf>
    <xf numFmtId="0" fontId="0" fillId="0" borderId="20" xfId="0" applyNumberFormat="1" applyFont="1" applyFill="1" applyBorder="1" applyAlignment="1">
      <alignment horizontal="left" vertical="center" shrinkToFit="1"/>
    </xf>
    <xf numFmtId="0" fontId="0" fillId="0" borderId="19" xfId="0" applyNumberFormat="1" applyFont="1" applyFill="1" applyBorder="1" applyAlignment="1">
      <alignment horizontal="center" vertical="center" shrinkToFit="1"/>
    </xf>
    <xf numFmtId="0" fontId="0" fillId="0" borderId="21" xfId="0" applyNumberFormat="1" applyFont="1" applyFill="1" applyBorder="1" applyAlignment="1">
      <alignment horizontal="center" vertical="center" shrinkToFit="1"/>
    </xf>
    <xf numFmtId="0" fontId="0" fillId="0" borderId="17" xfId="0" applyNumberFormat="1" applyFont="1" applyFill="1" applyBorder="1" applyAlignment="1">
      <alignment horizontal="left" vertical="center" shrinkToFit="1"/>
    </xf>
    <xf numFmtId="0" fontId="0" fillId="0" borderId="18" xfId="0" applyNumberFormat="1" applyFont="1" applyFill="1" applyBorder="1" applyAlignment="1">
      <alignment horizontal="left" vertical="center" shrinkToFit="1"/>
    </xf>
    <xf numFmtId="0" fontId="0" fillId="0" borderId="17" xfId="0" applyNumberFormat="1" applyFont="1" applyFill="1" applyBorder="1" applyAlignment="1">
      <alignment horizontal="center" vertical="center" shrinkToFit="1"/>
    </xf>
    <xf numFmtId="0" fontId="0" fillId="0" borderId="23" xfId="0" applyNumberFormat="1" applyFont="1" applyFill="1" applyBorder="1" applyAlignment="1">
      <alignment horizontal="center" vertical="center" shrinkToFit="1"/>
    </xf>
    <xf numFmtId="0" fontId="0" fillId="0" borderId="32" xfId="0" applyNumberFormat="1" applyFont="1" applyFill="1" applyBorder="1" applyAlignment="1">
      <alignment horizontal="left" vertical="center" shrinkToFit="1"/>
    </xf>
    <xf numFmtId="0" fontId="0" fillId="0" borderId="33" xfId="0" applyNumberFormat="1" applyFont="1" applyFill="1" applyBorder="1" applyAlignment="1">
      <alignment horizontal="left" vertical="center" shrinkToFit="1"/>
    </xf>
    <xf numFmtId="0" fontId="0" fillId="0" borderId="32" xfId="0" applyNumberFormat="1" applyFont="1" applyFill="1" applyBorder="1" applyAlignment="1">
      <alignment horizontal="center" vertical="center" shrinkToFit="1"/>
    </xf>
    <xf numFmtId="0" fontId="0" fillId="0" borderId="34" xfId="0" applyNumberFormat="1" applyFont="1" applyFill="1" applyBorder="1" applyAlignment="1">
      <alignment horizontal="center" vertical="center" shrinkToFit="1"/>
    </xf>
    <xf numFmtId="0" fontId="5" fillId="2" borderId="1" xfId="0" applyNumberFormat="1" applyFont="1" applyFill="1" applyBorder="1" applyAlignment="1">
      <alignment horizontal="center" vertical="center"/>
    </xf>
    <xf numFmtId="0" fontId="5" fillId="2" borderId="2" xfId="0" applyNumberFormat="1" applyFont="1" applyFill="1" applyBorder="1" applyAlignment="1">
      <alignment horizontal="center" vertical="center"/>
    </xf>
    <xf numFmtId="0" fontId="5" fillId="2" borderId="3" xfId="0" applyNumberFormat="1" applyFont="1" applyFill="1" applyBorder="1" applyAlignment="1">
      <alignment horizontal="center" vertical="center"/>
    </xf>
    <xf numFmtId="0" fontId="0" fillId="2" borderId="4" xfId="0" applyNumberFormat="1" applyFont="1" applyFill="1" applyBorder="1" applyAlignment="1">
      <alignment horizontal="center" vertical="center"/>
    </xf>
    <xf numFmtId="0" fontId="0" fillId="0" borderId="20" xfId="0" applyNumberFormat="1" applyFont="1" applyFill="1" applyBorder="1" applyAlignment="1">
      <alignment vertical="center" shrinkToFit="1"/>
    </xf>
    <xf numFmtId="0" fontId="0" fillId="0" borderId="18" xfId="0" applyNumberFormat="1" applyFont="1" applyFill="1" applyBorder="1" applyAlignment="1">
      <alignment vertical="center" shrinkToFit="1"/>
    </xf>
    <xf numFmtId="0" fontId="0" fillId="0" borderId="33" xfId="0" applyNumberFormat="1" applyFont="1" applyFill="1" applyBorder="1" applyAlignment="1">
      <alignment vertical="center" shrinkToFit="1"/>
    </xf>
    <xf numFmtId="0" fontId="6" fillId="0" borderId="8" xfId="0" applyNumberFormat="1" applyFont="1" applyFill="1" applyBorder="1" applyAlignment="1">
      <alignment horizontal="center" vertical="center" shrinkToFit="1"/>
    </xf>
    <xf numFmtId="49" fontId="3" fillId="0" borderId="5" xfId="0" applyNumberFormat="1" applyFont="1" applyFill="1" applyBorder="1" applyAlignment="1">
      <alignment vertical="center" wrapText="1"/>
    </xf>
    <xf numFmtId="49" fontId="3" fillId="0" borderId="0" xfId="0" applyNumberFormat="1" applyFont="1" applyFill="1" applyBorder="1" applyAlignment="1">
      <alignment vertical="center" wrapText="1"/>
    </xf>
    <xf numFmtId="0" fontId="0" fillId="0" borderId="29" xfId="0" applyFont="1" applyFill="1" applyBorder="1" applyAlignment="1">
      <alignment horizontal="right" vertical="center"/>
    </xf>
    <xf numFmtId="0" fontId="0" fillId="0" borderId="30" xfId="0" applyNumberFormat="1" applyFont="1" applyFill="1" applyBorder="1" applyAlignment="1">
      <alignment horizontal="center" vertical="center" wrapText="1" shrinkToFit="1"/>
    </xf>
    <xf numFmtId="0" fontId="0" fillId="0" borderId="24" xfId="0" applyNumberFormat="1" applyFont="1" applyFill="1" applyBorder="1" applyAlignment="1">
      <alignment horizontal="center" vertical="center" shrinkToFit="1"/>
    </xf>
    <xf numFmtId="0" fontId="0" fillId="0" borderId="30" xfId="0" applyNumberFormat="1" applyFont="1" applyFill="1" applyBorder="1" applyAlignment="1">
      <alignment horizontal="center" vertical="top" wrapText="1" shrinkToFit="1"/>
    </xf>
    <xf numFmtId="0" fontId="0" fillId="0" borderId="35" xfId="0" applyNumberFormat="1" applyFont="1" applyFill="1" applyBorder="1" applyAlignment="1">
      <alignment horizontal="center" vertical="top" wrapText="1" shrinkToFit="1"/>
    </xf>
    <xf numFmtId="0" fontId="0" fillId="0" borderId="24" xfId="0" applyNumberFormat="1" applyFont="1" applyFill="1" applyBorder="1" applyAlignment="1">
      <alignment horizontal="center" vertical="top" wrapText="1" shrinkToFit="1"/>
    </xf>
    <xf numFmtId="0" fontId="0" fillId="0" borderId="35" xfId="0" applyNumberFormat="1" applyFont="1" applyFill="1" applyBorder="1" applyAlignment="1">
      <alignment horizontal="center" vertical="top" shrinkToFit="1"/>
    </xf>
    <xf numFmtId="0" fontId="0" fillId="0" borderId="24" xfId="0" applyNumberFormat="1" applyFont="1" applyFill="1" applyBorder="1" applyAlignment="1">
      <alignment horizontal="center" vertical="top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L89"/>
  <sheetViews>
    <sheetView showGridLines="0" tabSelected="1" zoomScaleNormal="100" workbookViewId="0">
      <pane ySplit="4" topLeftCell="A17" activePane="bottomLeft" state="frozen"/>
      <selection pane="bottomLeft" activeCell="H7" sqref="H7"/>
    </sheetView>
  </sheetViews>
  <sheetFormatPr defaultRowHeight="13" x14ac:dyDescent="0.2"/>
  <cols>
    <col min="1" max="1" width="1.1796875" customWidth="1"/>
    <col min="2" max="2" width="11.1796875" style="12" bestFit="1" customWidth="1"/>
    <col min="3" max="3" width="27.36328125" style="9" bestFit="1" customWidth="1"/>
    <col min="4" max="4" width="14" style="9" customWidth="1"/>
    <col min="5" max="5" width="9.81640625" style="9" customWidth="1"/>
    <col min="6" max="6" width="26.1796875" style="9" customWidth="1"/>
    <col min="7" max="7" width="14" style="9" customWidth="1"/>
    <col min="8" max="8" width="14" style="14" customWidth="1"/>
    <col min="9" max="9" width="9" style="8"/>
  </cols>
  <sheetData>
    <row r="2" spans="1:10" x14ac:dyDescent="0.2">
      <c r="B2" s="15" t="s">
        <v>0</v>
      </c>
      <c r="D2" s="10"/>
      <c r="E2" s="10"/>
      <c r="F2" s="11"/>
      <c r="G2" s="10"/>
      <c r="H2" s="11"/>
      <c r="I2" s="5"/>
      <c r="J2" s="1"/>
    </row>
    <row r="3" spans="1:10" ht="13.5" thickBot="1" x14ac:dyDescent="0.25">
      <c r="D3" s="10"/>
      <c r="E3" s="10"/>
      <c r="F3" s="11"/>
      <c r="G3" s="71" t="s">
        <v>207</v>
      </c>
      <c r="H3" s="71"/>
      <c r="I3" s="5"/>
      <c r="J3" s="1"/>
    </row>
    <row r="4" spans="1:10" s="2" customFormat="1" ht="42" customHeight="1" x14ac:dyDescent="0.2">
      <c r="B4" s="61" t="s">
        <v>1</v>
      </c>
      <c r="C4" s="62" t="s">
        <v>2</v>
      </c>
      <c r="D4" s="63" t="s">
        <v>98</v>
      </c>
      <c r="E4" s="62" t="s">
        <v>3</v>
      </c>
      <c r="F4" s="63" t="s">
        <v>4</v>
      </c>
      <c r="G4" s="62" t="s">
        <v>5</v>
      </c>
      <c r="H4" s="64" t="s">
        <v>175</v>
      </c>
      <c r="I4" s="6"/>
    </row>
    <row r="5" spans="1:10" s="16" customFormat="1" ht="17.25" customHeight="1" x14ac:dyDescent="0.2">
      <c r="A5" s="4"/>
      <c r="B5" s="28" t="s">
        <v>198</v>
      </c>
      <c r="C5" s="29" t="s">
        <v>6</v>
      </c>
      <c r="D5" s="30" t="s">
        <v>7</v>
      </c>
      <c r="E5" s="31" t="s">
        <v>8</v>
      </c>
      <c r="F5" s="32" t="s">
        <v>9</v>
      </c>
      <c r="G5" s="31" t="s">
        <v>124</v>
      </c>
      <c r="H5" s="33" t="s">
        <v>125</v>
      </c>
    </row>
    <row r="6" spans="1:10" s="16" customFormat="1" ht="17.25" customHeight="1" x14ac:dyDescent="0.2">
      <c r="A6" s="4"/>
      <c r="B6" s="72" t="s">
        <v>200</v>
      </c>
      <c r="C6" s="34" t="s">
        <v>10</v>
      </c>
      <c r="D6" s="35" t="s">
        <v>11</v>
      </c>
      <c r="E6" s="36" t="s">
        <v>12</v>
      </c>
      <c r="F6" s="37" t="s">
        <v>13</v>
      </c>
      <c r="G6" s="36" t="s">
        <v>128</v>
      </c>
      <c r="H6" s="38" t="s">
        <v>128</v>
      </c>
    </row>
    <row r="7" spans="1:10" s="16" customFormat="1" ht="17.25" customHeight="1" x14ac:dyDescent="0.2">
      <c r="A7" s="4"/>
      <c r="B7" s="73"/>
      <c r="C7" s="39" t="s">
        <v>99</v>
      </c>
      <c r="D7" s="40" t="s">
        <v>14</v>
      </c>
      <c r="E7" s="41" t="s">
        <v>15</v>
      </c>
      <c r="F7" s="42" t="s">
        <v>16</v>
      </c>
      <c r="G7" s="41" t="s">
        <v>129</v>
      </c>
      <c r="H7" s="43" t="s">
        <v>129</v>
      </c>
    </row>
    <row r="8" spans="1:10" s="16" customFormat="1" ht="17.25" customHeight="1" x14ac:dyDescent="0.2">
      <c r="A8" s="4"/>
      <c r="B8" s="74" t="s">
        <v>201</v>
      </c>
      <c r="C8" s="44" t="s">
        <v>49</v>
      </c>
      <c r="D8" s="45" t="s">
        <v>50</v>
      </c>
      <c r="E8" s="46" t="s">
        <v>51</v>
      </c>
      <c r="F8" s="47" t="s">
        <v>52</v>
      </c>
      <c r="G8" s="46" t="s">
        <v>160</v>
      </c>
      <c r="H8" s="48" t="s">
        <v>161</v>
      </c>
    </row>
    <row r="9" spans="1:10" s="16" customFormat="1" ht="17.25" customHeight="1" x14ac:dyDescent="0.2">
      <c r="A9" s="4"/>
      <c r="B9" s="75"/>
      <c r="C9" s="23" t="s">
        <v>118</v>
      </c>
      <c r="D9" s="24" t="s">
        <v>119</v>
      </c>
      <c r="E9" s="25" t="s">
        <v>53</v>
      </c>
      <c r="F9" s="26" t="s">
        <v>54</v>
      </c>
      <c r="G9" s="25" t="s">
        <v>162</v>
      </c>
      <c r="H9" s="27" t="s">
        <v>163</v>
      </c>
    </row>
    <row r="10" spans="1:10" s="3" customFormat="1" ht="17.25" customHeight="1" x14ac:dyDescent="0.2">
      <c r="A10" s="4"/>
      <c r="B10" s="75"/>
      <c r="C10" s="23" t="s">
        <v>191</v>
      </c>
      <c r="D10" s="24" t="s">
        <v>55</v>
      </c>
      <c r="E10" s="25" t="s">
        <v>56</v>
      </c>
      <c r="F10" s="26" t="s">
        <v>57</v>
      </c>
      <c r="G10" s="25" t="s">
        <v>192</v>
      </c>
      <c r="H10" s="68"/>
    </row>
    <row r="11" spans="1:10" s="16" customFormat="1" ht="17.25" customHeight="1" x14ac:dyDescent="0.2">
      <c r="A11" s="4"/>
      <c r="B11" s="75"/>
      <c r="C11" s="23" t="s">
        <v>58</v>
      </c>
      <c r="D11" s="24" t="s">
        <v>59</v>
      </c>
      <c r="E11" s="25" t="s">
        <v>60</v>
      </c>
      <c r="F11" s="26" t="s">
        <v>61</v>
      </c>
      <c r="G11" s="25" t="s">
        <v>164</v>
      </c>
      <c r="H11" s="27" t="s">
        <v>165</v>
      </c>
    </row>
    <row r="12" spans="1:10" s="3" customFormat="1" ht="17.25" customHeight="1" x14ac:dyDescent="0.2">
      <c r="A12" s="4"/>
      <c r="B12" s="75"/>
      <c r="C12" s="23" t="s">
        <v>120</v>
      </c>
      <c r="D12" s="24" t="s">
        <v>62</v>
      </c>
      <c r="E12" s="25" t="s">
        <v>63</v>
      </c>
      <c r="F12" s="26" t="s">
        <v>64</v>
      </c>
      <c r="G12" s="25" t="s">
        <v>166</v>
      </c>
      <c r="H12" s="27" t="s">
        <v>167</v>
      </c>
    </row>
    <row r="13" spans="1:10" s="16" customFormat="1" ht="17.25" customHeight="1" x14ac:dyDescent="0.2">
      <c r="A13" s="4"/>
      <c r="B13" s="76"/>
      <c r="C13" s="29" t="s">
        <v>121</v>
      </c>
      <c r="D13" s="30" t="s">
        <v>65</v>
      </c>
      <c r="E13" s="31" t="s">
        <v>66</v>
      </c>
      <c r="F13" s="32" t="s">
        <v>67</v>
      </c>
      <c r="G13" s="31" t="s">
        <v>168</v>
      </c>
      <c r="H13" s="33" t="s">
        <v>169</v>
      </c>
    </row>
    <row r="14" spans="1:10" s="3" customFormat="1" ht="17.25" customHeight="1" x14ac:dyDescent="0.2">
      <c r="A14" s="4"/>
      <c r="B14" s="74" t="s">
        <v>202</v>
      </c>
      <c r="C14" s="44" t="s">
        <v>17</v>
      </c>
      <c r="D14" s="45" t="s">
        <v>18</v>
      </c>
      <c r="E14" s="46" t="s">
        <v>19</v>
      </c>
      <c r="F14" s="47" t="s">
        <v>20</v>
      </c>
      <c r="G14" s="46" t="s">
        <v>130</v>
      </c>
      <c r="H14" s="48" t="s">
        <v>131</v>
      </c>
    </row>
    <row r="15" spans="1:10" s="3" customFormat="1" ht="17.25" customHeight="1" x14ac:dyDescent="0.2">
      <c r="A15" s="4"/>
      <c r="B15" s="77"/>
      <c r="C15" s="23" t="s">
        <v>100</v>
      </c>
      <c r="D15" s="24" t="s">
        <v>21</v>
      </c>
      <c r="E15" s="25" t="s">
        <v>22</v>
      </c>
      <c r="F15" s="26" t="s">
        <v>23</v>
      </c>
      <c r="G15" s="25" t="s">
        <v>132</v>
      </c>
      <c r="H15" s="27" t="s">
        <v>133</v>
      </c>
    </row>
    <row r="16" spans="1:10" s="16" customFormat="1" ht="17.25" customHeight="1" x14ac:dyDescent="0.2">
      <c r="A16" s="4"/>
      <c r="B16" s="77"/>
      <c r="C16" s="23" t="s">
        <v>101</v>
      </c>
      <c r="D16" s="24" t="s">
        <v>24</v>
      </c>
      <c r="E16" s="25" t="s">
        <v>25</v>
      </c>
      <c r="F16" s="26" t="s">
        <v>26</v>
      </c>
      <c r="G16" s="25" t="s">
        <v>134</v>
      </c>
      <c r="H16" s="27" t="s">
        <v>135</v>
      </c>
    </row>
    <row r="17" spans="1:8" s="16" customFormat="1" ht="17.25" customHeight="1" x14ac:dyDescent="0.2">
      <c r="A17" s="4"/>
      <c r="B17" s="77"/>
      <c r="C17" s="23" t="s">
        <v>102</v>
      </c>
      <c r="D17" s="24" t="s">
        <v>27</v>
      </c>
      <c r="E17" s="25" t="s">
        <v>28</v>
      </c>
      <c r="F17" s="26" t="s">
        <v>29</v>
      </c>
      <c r="G17" s="25" t="s">
        <v>136</v>
      </c>
      <c r="H17" s="27" t="s">
        <v>137</v>
      </c>
    </row>
    <row r="18" spans="1:8" s="3" customFormat="1" ht="17.25" customHeight="1" x14ac:dyDescent="0.2">
      <c r="A18" s="4"/>
      <c r="B18" s="77"/>
      <c r="C18" s="23" t="s">
        <v>93</v>
      </c>
      <c r="D18" s="24" t="s">
        <v>30</v>
      </c>
      <c r="E18" s="25" t="s">
        <v>31</v>
      </c>
      <c r="F18" s="26" t="s">
        <v>32</v>
      </c>
      <c r="G18" s="25" t="s">
        <v>138</v>
      </c>
      <c r="H18" s="27" t="s">
        <v>139</v>
      </c>
    </row>
    <row r="19" spans="1:8" s="16" customFormat="1" ht="17.25" customHeight="1" x14ac:dyDescent="0.2">
      <c r="A19" s="4"/>
      <c r="B19" s="77"/>
      <c r="C19" s="23" t="s">
        <v>94</v>
      </c>
      <c r="D19" s="24" t="s">
        <v>33</v>
      </c>
      <c r="E19" s="25" t="s">
        <v>34</v>
      </c>
      <c r="F19" s="26" t="s">
        <v>176</v>
      </c>
      <c r="G19" s="25" t="s">
        <v>140</v>
      </c>
      <c r="H19" s="27" t="s">
        <v>141</v>
      </c>
    </row>
    <row r="20" spans="1:8" s="3" customFormat="1" ht="17.25" customHeight="1" x14ac:dyDescent="0.2">
      <c r="A20" s="4"/>
      <c r="B20" s="78"/>
      <c r="C20" s="39" t="s">
        <v>95</v>
      </c>
      <c r="D20" s="40" t="s">
        <v>35</v>
      </c>
      <c r="E20" s="41" t="s">
        <v>36</v>
      </c>
      <c r="F20" s="42" t="s">
        <v>208</v>
      </c>
      <c r="G20" s="41" t="s">
        <v>142</v>
      </c>
      <c r="H20" s="43" t="s">
        <v>209</v>
      </c>
    </row>
    <row r="21" spans="1:8" s="16" customFormat="1" ht="17.25" customHeight="1" x14ac:dyDescent="0.2">
      <c r="A21" s="4"/>
      <c r="B21" s="74" t="s">
        <v>203</v>
      </c>
      <c r="C21" s="44" t="s">
        <v>105</v>
      </c>
      <c r="D21" s="45" t="s">
        <v>27</v>
      </c>
      <c r="E21" s="46" t="s">
        <v>106</v>
      </c>
      <c r="F21" s="47" t="s">
        <v>37</v>
      </c>
      <c r="G21" s="46" t="s">
        <v>145</v>
      </c>
      <c r="H21" s="48" t="s">
        <v>145</v>
      </c>
    </row>
    <row r="22" spans="1:8" s="16" customFormat="1" ht="17.25" customHeight="1" x14ac:dyDescent="0.2">
      <c r="A22" s="4"/>
      <c r="B22" s="77"/>
      <c r="C22" s="23" t="s">
        <v>107</v>
      </c>
      <c r="D22" s="24" t="s">
        <v>108</v>
      </c>
      <c r="E22" s="25" t="s">
        <v>38</v>
      </c>
      <c r="F22" s="26" t="s">
        <v>39</v>
      </c>
      <c r="G22" s="25" t="s">
        <v>146</v>
      </c>
      <c r="H22" s="27" t="s">
        <v>146</v>
      </c>
    </row>
    <row r="23" spans="1:8" s="3" customFormat="1" ht="17.25" customHeight="1" x14ac:dyDescent="0.2">
      <c r="A23" s="4"/>
      <c r="B23" s="77"/>
      <c r="C23" s="23" t="s">
        <v>109</v>
      </c>
      <c r="D23" s="24" t="s">
        <v>40</v>
      </c>
      <c r="E23" s="25" t="s">
        <v>41</v>
      </c>
      <c r="F23" s="26" t="s">
        <v>110</v>
      </c>
      <c r="G23" s="25" t="s">
        <v>147</v>
      </c>
      <c r="H23" s="27" t="s">
        <v>147</v>
      </c>
    </row>
    <row r="24" spans="1:8" s="3" customFormat="1" ht="17.25" customHeight="1" x14ac:dyDescent="0.2">
      <c r="A24" s="4"/>
      <c r="B24" s="77"/>
      <c r="C24" s="23" t="s">
        <v>42</v>
      </c>
      <c r="D24" s="24" t="s">
        <v>43</v>
      </c>
      <c r="E24" s="25" t="s">
        <v>44</v>
      </c>
      <c r="F24" s="26" t="s">
        <v>45</v>
      </c>
      <c r="G24" s="25" t="s">
        <v>148</v>
      </c>
      <c r="H24" s="27" t="s">
        <v>148</v>
      </c>
    </row>
    <row r="25" spans="1:8" s="16" customFormat="1" ht="17.25" customHeight="1" x14ac:dyDescent="0.2">
      <c r="A25" s="4"/>
      <c r="B25" s="78"/>
      <c r="C25" s="29" t="s">
        <v>111</v>
      </c>
      <c r="D25" s="30" t="s">
        <v>46</v>
      </c>
      <c r="E25" s="31" t="s">
        <v>47</v>
      </c>
      <c r="F25" s="32" t="s">
        <v>48</v>
      </c>
      <c r="G25" s="31" t="s">
        <v>149</v>
      </c>
      <c r="H25" s="33" t="s">
        <v>149</v>
      </c>
    </row>
    <row r="26" spans="1:8" s="16" customFormat="1" ht="17.25" customHeight="1" x14ac:dyDescent="0.2">
      <c r="A26" s="4"/>
      <c r="B26" s="72" t="s">
        <v>204</v>
      </c>
      <c r="C26" s="49" t="s">
        <v>68</v>
      </c>
      <c r="D26" s="50" t="s">
        <v>69</v>
      </c>
      <c r="E26" s="51" t="s">
        <v>70</v>
      </c>
      <c r="F26" s="65" t="s">
        <v>178</v>
      </c>
      <c r="G26" s="51" t="s">
        <v>143</v>
      </c>
      <c r="H26" s="52" t="s">
        <v>143</v>
      </c>
    </row>
    <row r="27" spans="1:8" s="16" customFormat="1" ht="17.25" customHeight="1" x14ac:dyDescent="0.2">
      <c r="A27" s="4"/>
      <c r="B27" s="73"/>
      <c r="C27" s="39" t="s">
        <v>96</v>
      </c>
      <c r="D27" s="40" t="s">
        <v>103</v>
      </c>
      <c r="E27" s="41" t="s">
        <v>104</v>
      </c>
      <c r="F27" s="42" t="s">
        <v>179</v>
      </c>
      <c r="G27" s="41" t="s">
        <v>144</v>
      </c>
      <c r="H27" s="43" t="s">
        <v>144</v>
      </c>
    </row>
    <row r="28" spans="1:8" s="16" customFormat="1" ht="17.25" customHeight="1" x14ac:dyDescent="0.2">
      <c r="A28" s="4"/>
      <c r="B28" s="74" t="s">
        <v>205</v>
      </c>
      <c r="C28" s="44" t="s">
        <v>71</v>
      </c>
      <c r="D28" s="45" t="s">
        <v>72</v>
      </c>
      <c r="E28" s="46" t="s">
        <v>73</v>
      </c>
      <c r="F28" s="47" t="s">
        <v>180</v>
      </c>
      <c r="G28" s="46" t="s">
        <v>150</v>
      </c>
      <c r="H28" s="48" t="s">
        <v>151</v>
      </c>
    </row>
    <row r="29" spans="1:8" s="16" customFormat="1" ht="17.25" customHeight="1" x14ac:dyDescent="0.2">
      <c r="A29" s="4"/>
      <c r="B29" s="77"/>
      <c r="C29" s="23" t="s">
        <v>112</v>
      </c>
      <c r="D29" s="24" t="s">
        <v>74</v>
      </c>
      <c r="E29" s="25" t="s">
        <v>113</v>
      </c>
      <c r="F29" s="26" t="s">
        <v>181</v>
      </c>
      <c r="G29" s="25" t="s">
        <v>152</v>
      </c>
      <c r="H29" s="27" t="s">
        <v>153</v>
      </c>
    </row>
    <row r="30" spans="1:8" s="16" customFormat="1" ht="17.25" customHeight="1" x14ac:dyDescent="0.2">
      <c r="A30" s="4"/>
      <c r="B30" s="78"/>
      <c r="C30" s="29" t="s">
        <v>114</v>
      </c>
      <c r="D30" s="30" t="s">
        <v>115</v>
      </c>
      <c r="E30" s="31" t="s">
        <v>75</v>
      </c>
      <c r="F30" s="32" t="s">
        <v>182</v>
      </c>
      <c r="G30" s="31" t="s">
        <v>154</v>
      </c>
      <c r="H30" s="33" t="s">
        <v>154</v>
      </c>
    </row>
    <row r="31" spans="1:8" s="16" customFormat="1" ht="17.25" customHeight="1" x14ac:dyDescent="0.2">
      <c r="A31" s="4"/>
      <c r="B31" s="74" t="s">
        <v>206</v>
      </c>
      <c r="C31" s="34" t="s">
        <v>97</v>
      </c>
      <c r="D31" s="35" t="s">
        <v>116</v>
      </c>
      <c r="E31" s="36" t="s">
        <v>76</v>
      </c>
      <c r="F31" s="37" t="s">
        <v>183</v>
      </c>
      <c r="G31" s="36" t="s">
        <v>155</v>
      </c>
      <c r="H31" s="38" t="s">
        <v>155</v>
      </c>
    </row>
    <row r="32" spans="1:8" s="16" customFormat="1" ht="17.25" customHeight="1" x14ac:dyDescent="0.2">
      <c r="A32" s="4"/>
      <c r="B32" s="78"/>
      <c r="C32" s="29" t="s">
        <v>117</v>
      </c>
      <c r="D32" s="30" t="s">
        <v>77</v>
      </c>
      <c r="E32" s="31" t="s">
        <v>78</v>
      </c>
      <c r="F32" s="32" t="s">
        <v>184</v>
      </c>
      <c r="G32" s="31" t="s">
        <v>156</v>
      </c>
      <c r="H32" s="33" t="s">
        <v>156</v>
      </c>
    </row>
    <row r="33" spans="1:12" s="16" customFormat="1" ht="17.25" customHeight="1" x14ac:dyDescent="0.2">
      <c r="A33" s="4"/>
      <c r="B33" s="22" t="s">
        <v>199</v>
      </c>
      <c r="C33" s="23" t="s">
        <v>79</v>
      </c>
      <c r="D33" s="24" t="s">
        <v>80</v>
      </c>
      <c r="E33" s="25" t="s">
        <v>174</v>
      </c>
      <c r="F33" s="26" t="s">
        <v>185</v>
      </c>
      <c r="G33" s="25" t="s">
        <v>157</v>
      </c>
      <c r="H33" s="27" t="s">
        <v>157</v>
      </c>
      <c r="I33" s="69"/>
      <c r="J33" s="70"/>
      <c r="K33" s="70"/>
      <c r="L33" s="70"/>
    </row>
    <row r="34" spans="1:12" s="3" customFormat="1" ht="17.25" customHeight="1" x14ac:dyDescent="0.2">
      <c r="A34" s="4"/>
      <c r="B34" s="20" t="s">
        <v>193</v>
      </c>
      <c r="C34" s="53" t="s">
        <v>81</v>
      </c>
      <c r="D34" s="54" t="s">
        <v>82</v>
      </c>
      <c r="E34" s="55" t="s">
        <v>83</v>
      </c>
      <c r="F34" s="66" t="s">
        <v>186</v>
      </c>
      <c r="G34" s="55" t="s">
        <v>158</v>
      </c>
      <c r="H34" s="56" t="s">
        <v>159</v>
      </c>
    </row>
    <row r="35" spans="1:12" s="16" customFormat="1" ht="17.25" customHeight="1" x14ac:dyDescent="0.2">
      <c r="A35" s="4"/>
      <c r="B35" s="20" t="s">
        <v>194</v>
      </c>
      <c r="C35" s="29" t="s">
        <v>122</v>
      </c>
      <c r="D35" s="30" t="s">
        <v>84</v>
      </c>
      <c r="E35" s="31" t="s">
        <v>85</v>
      </c>
      <c r="F35" s="32" t="s">
        <v>187</v>
      </c>
      <c r="G35" s="31" t="s">
        <v>172</v>
      </c>
      <c r="H35" s="33" t="s">
        <v>173</v>
      </c>
    </row>
    <row r="36" spans="1:12" s="3" customFormat="1" ht="17.25" customHeight="1" x14ac:dyDescent="0.2">
      <c r="A36" s="4"/>
      <c r="B36" s="20" t="s">
        <v>195</v>
      </c>
      <c r="C36" s="53" t="s">
        <v>86</v>
      </c>
      <c r="D36" s="54" t="s">
        <v>87</v>
      </c>
      <c r="E36" s="55" t="s">
        <v>177</v>
      </c>
      <c r="F36" s="66" t="s">
        <v>188</v>
      </c>
      <c r="G36" s="55" t="s">
        <v>170</v>
      </c>
      <c r="H36" s="56" t="s">
        <v>170</v>
      </c>
    </row>
    <row r="37" spans="1:12" s="3" customFormat="1" ht="17.25" customHeight="1" x14ac:dyDescent="0.2">
      <c r="A37" s="4"/>
      <c r="B37" s="20" t="s">
        <v>196</v>
      </c>
      <c r="C37" s="53" t="s">
        <v>88</v>
      </c>
      <c r="D37" s="54" t="s">
        <v>89</v>
      </c>
      <c r="E37" s="55" t="s">
        <v>123</v>
      </c>
      <c r="F37" s="66" t="s">
        <v>189</v>
      </c>
      <c r="G37" s="55" t="s">
        <v>171</v>
      </c>
      <c r="H37" s="56" t="s">
        <v>171</v>
      </c>
    </row>
    <row r="38" spans="1:12" s="3" customFormat="1" ht="17.25" customHeight="1" thickBot="1" x14ac:dyDescent="0.25">
      <c r="A38" s="4"/>
      <c r="B38" s="21" t="s">
        <v>197</v>
      </c>
      <c r="C38" s="57" t="s">
        <v>90</v>
      </c>
      <c r="D38" s="58" t="s">
        <v>91</v>
      </c>
      <c r="E38" s="59" t="s">
        <v>92</v>
      </c>
      <c r="F38" s="67" t="s">
        <v>190</v>
      </c>
      <c r="G38" s="59" t="s">
        <v>126</v>
      </c>
      <c r="H38" s="60" t="s">
        <v>127</v>
      </c>
    </row>
    <row r="39" spans="1:12" s="3" customFormat="1" ht="17.25" customHeight="1" x14ac:dyDescent="0.2">
      <c r="A39" s="4"/>
      <c r="B39" s="17"/>
      <c r="C39" s="17"/>
      <c r="D39" s="17"/>
      <c r="E39" s="18"/>
      <c r="F39" s="17"/>
      <c r="G39" s="17"/>
      <c r="H39" s="19"/>
    </row>
    <row r="40" spans="1:12" s="3" customFormat="1" ht="17.25" customHeight="1" x14ac:dyDescent="0.2">
      <c r="A40" s="4"/>
      <c r="B40" s="12"/>
      <c r="C40" s="12"/>
      <c r="D40" s="12"/>
      <c r="E40" s="12"/>
      <c r="F40" s="12"/>
      <c r="G40" s="12"/>
      <c r="H40" s="13"/>
    </row>
    <row r="41" spans="1:12" x14ac:dyDescent="0.2">
      <c r="C41" s="12"/>
      <c r="D41" s="12"/>
      <c r="E41" s="12"/>
      <c r="F41" s="12"/>
      <c r="G41" s="12"/>
      <c r="H41" s="13"/>
      <c r="I41" s="7"/>
    </row>
    <row r="42" spans="1:12" x14ac:dyDescent="0.2">
      <c r="C42" s="12"/>
      <c r="D42" s="12"/>
      <c r="E42" s="12"/>
      <c r="F42" s="12"/>
      <c r="G42" s="12"/>
      <c r="H42" s="13"/>
      <c r="I42" s="7"/>
    </row>
    <row r="43" spans="1:12" x14ac:dyDescent="0.2">
      <c r="C43" s="12"/>
      <c r="D43" s="12"/>
      <c r="E43" s="12"/>
      <c r="F43" s="12"/>
      <c r="G43" s="12"/>
      <c r="H43" s="13"/>
      <c r="I43" s="7"/>
    </row>
    <row r="44" spans="1:12" x14ac:dyDescent="0.2">
      <c r="C44" s="12"/>
      <c r="D44" s="12"/>
      <c r="E44" s="12"/>
      <c r="F44" s="12"/>
      <c r="G44" s="12"/>
      <c r="H44" s="13"/>
      <c r="I44" s="7"/>
    </row>
    <row r="45" spans="1:12" x14ac:dyDescent="0.2">
      <c r="C45" s="12"/>
      <c r="D45" s="12"/>
      <c r="E45" s="12"/>
      <c r="F45" s="12"/>
      <c r="G45" s="12"/>
      <c r="H45" s="13"/>
      <c r="I45" s="7"/>
    </row>
    <row r="46" spans="1:12" x14ac:dyDescent="0.2">
      <c r="C46" s="12"/>
      <c r="D46" s="12"/>
      <c r="E46" s="12"/>
      <c r="F46" s="12"/>
      <c r="G46" s="12"/>
      <c r="H46" s="13"/>
      <c r="I46" s="7"/>
    </row>
    <row r="47" spans="1:12" x14ac:dyDescent="0.2">
      <c r="C47" s="12"/>
      <c r="D47" s="12"/>
      <c r="E47" s="12"/>
      <c r="F47" s="12"/>
      <c r="G47" s="12"/>
      <c r="H47" s="13"/>
      <c r="I47" s="7"/>
    </row>
    <row r="48" spans="1:12" x14ac:dyDescent="0.2">
      <c r="C48" s="12"/>
      <c r="D48" s="12"/>
      <c r="E48" s="12"/>
      <c r="F48" s="12"/>
      <c r="G48" s="12"/>
      <c r="H48" s="13"/>
      <c r="I48" s="7"/>
    </row>
    <row r="49" spans="2:9" x14ac:dyDescent="0.2">
      <c r="C49" s="12"/>
      <c r="D49" s="12"/>
      <c r="E49" s="12"/>
      <c r="F49" s="12"/>
      <c r="G49" s="12"/>
      <c r="H49" s="13"/>
      <c r="I49" s="7"/>
    </row>
    <row r="50" spans="2:9" x14ac:dyDescent="0.2">
      <c r="C50" s="12"/>
      <c r="D50" s="12"/>
      <c r="E50" s="12"/>
      <c r="F50" s="12"/>
      <c r="G50" s="12"/>
      <c r="H50" s="13"/>
      <c r="I50" s="7"/>
    </row>
    <row r="51" spans="2:9" x14ac:dyDescent="0.2">
      <c r="C51" s="12"/>
      <c r="D51" s="12"/>
      <c r="E51" s="12"/>
      <c r="F51" s="12"/>
      <c r="G51" s="12"/>
      <c r="H51" s="13"/>
      <c r="I51" s="7"/>
    </row>
    <row r="52" spans="2:9" x14ac:dyDescent="0.2">
      <c r="C52" s="12"/>
      <c r="D52" s="12"/>
      <c r="E52" s="12"/>
      <c r="F52" s="12"/>
      <c r="G52" s="12"/>
      <c r="H52" s="13"/>
      <c r="I52" s="7"/>
    </row>
    <row r="53" spans="2:9" x14ac:dyDescent="0.2">
      <c r="C53" s="12"/>
      <c r="D53" s="12"/>
      <c r="E53" s="12"/>
      <c r="F53" s="12"/>
      <c r="G53" s="12"/>
      <c r="H53" s="13"/>
      <c r="I53" s="7"/>
    </row>
    <row r="54" spans="2:9" x14ac:dyDescent="0.2">
      <c r="C54" s="12"/>
      <c r="D54" s="12"/>
      <c r="E54" s="12"/>
      <c r="F54" s="12"/>
      <c r="G54" s="12"/>
      <c r="H54" s="13"/>
      <c r="I54" s="7"/>
    </row>
    <row r="55" spans="2:9" x14ac:dyDescent="0.2">
      <c r="I55" s="7"/>
    </row>
    <row r="56" spans="2:9" x14ac:dyDescent="0.2">
      <c r="B56" s="8"/>
      <c r="C56"/>
      <c r="D56"/>
      <c r="E56"/>
      <c r="F56"/>
      <c r="G56"/>
      <c r="H56"/>
      <c r="I56" s="7"/>
    </row>
    <row r="57" spans="2:9" x14ac:dyDescent="0.2">
      <c r="B57" s="8"/>
      <c r="C57"/>
      <c r="D57"/>
      <c r="E57"/>
      <c r="F57"/>
      <c r="G57"/>
      <c r="H57"/>
      <c r="I57" s="7"/>
    </row>
    <row r="58" spans="2:9" x14ac:dyDescent="0.2">
      <c r="B58" s="8"/>
      <c r="C58"/>
      <c r="D58"/>
      <c r="E58"/>
      <c r="F58"/>
      <c r="G58"/>
      <c r="H58"/>
      <c r="I58" s="7"/>
    </row>
    <row r="59" spans="2:9" x14ac:dyDescent="0.2">
      <c r="B59" s="8"/>
      <c r="C59"/>
      <c r="D59"/>
      <c r="E59"/>
      <c r="F59"/>
      <c r="G59"/>
      <c r="H59"/>
      <c r="I59" s="7"/>
    </row>
    <row r="60" spans="2:9" x14ac:dyDescent="0.2">
      <c r="B60" s="8"/>
      <c r="C60"/>
      <c r="D60"/>
      <c r="E60"/>
      <c r="F60"/>
      <c r="G60"/>
      <c r="H60"/>
      <c r="I60" s="7"/>
    </row>
    <row r="61" spans="2:9" x14ac:dyDescent="0.2">
      <c r="B61" s="8"/>
      <c r="C61"/>
      <c r="D61"/>
      <c r="E61"/>
      <c r="F61"/>
      <c r="G61"/>
      <c r="H61"/>
      <c r="I61" s="7"/>
    </row>
    <row r="62" spans="2:9" x14ac:dyDescent="0.2">
      <c r="B62" s="8"/>
      <c r="C62"/>
      <c r="D62"/>
      <c r="E62"/>
      <c r="F62"/>
      <c r="G62"/>
      <c r="H62"/>
      <c r="I62" s="7"/>
    </row>
    <row r="63" spans="2:9" x14ac:dyDescent="0.2">
      <c r="B63" s="8"/>
      <c r="C63"/>
      <c r="D63"/>
      <c r="E63"/>
      <c r="F63"/>
      <c r="G63"/>
      <c r="H63"/>
      <c r="I63" s="7"/>
    </row>
    <row r="64" spans="2:9" x14ac:dyDescent="0.2">
      <c r="B64" s="8"/>
      <c r="C64"/>
      <c r="D64"/>
      <c r="E64"/>
      <c r="F64"/>
      <c r="G64"/>
      <c r="H64"/>
      <c r="I64" s="7"/>
    </row>
    <row r="65" spans="2:9" x14ac:dyDescent="0.2">
      <c r="B65" s="8"/>
      <c r="C65"/>
      <c r="D65"/>
      <c r="E65"/>
      <c r="F65"/>
      <c r="G65"/>
      <c r="H65"/>
      <c r="I65" s="7"/>
    </row>
    <row r="66" spans="2:9" x14ac:dyDescent="0.2">
      <c r="B66" s="8"/>
      <c r="C66"/>
      <c r="D66"/>
      <c r="E66"/>
      <c r="F66"/>
      <c r="G66"/>
      <c r="H66"/>
      <c r="I66" s="7"/>
    </row>
    <row r="67" spans="2:9" x14ac:dyDescent="0.2">
      <c r="B67" s="8"/>
      <c r="C67"/>
      <c r="D67"/>
      <c r="E67"/>
      <c r="F67"/>
      <c r="G67"/>
      <c r="H67"/>
      <c r="I67" s="7"/>
    </row>
    <row r="68" spans="2:9" x14ac:dyDescent="0.2">
      <c r="B68" s="8"/>
      <c r="C68"/>
      <c r="D68"/>
      <c r="E68"/>
      <c r="F68"/>
      <c r="G68"/>
      <c r="H68"/>
      <c r="I68" s="7"/>
    </row>
    <row r="69" spans="2:9" x14ac:dyDescent="0.2">
      <c r="B69" s="8"/>
      <c r="C69"/>
      <c r="D69"/>
      <c r="E69"/>
      <c r="F69"/>
      <c r="G69"/>
      <c r="H69"/>
      <c r="I69" s="7"/>
    </row>
    <row r="70" spans="2:9" x14ac:dyDescent="0.2">
      <c r="B70" s="8"/>
      <c r="C70"/>
      <c r="D70"/>
      <c r="E70"/>
      <c r="F70"/>
      <c r="G70"/>
      <c r="H70"/>
      <c r="I70" s="7"/>
    </row>
    <row r="71" spans="2:9" x14ac:dyDescent="0.2">
      <c r="B71" s="8"/>
      <c r="C71"/>
      <c r="D71"/>
      <c r="E71"/>
      <c r="F71"/>
      <c r="G71"/>
      <c r="H71"/>
      <c r="I71" s="7"/>
    </row>
    <row r="72" spans="2:9" x14ac:dyDescent="0.2">
      <c r="B72" s="8"/>
      <c r="C72"/>
      <c r="D72"/>
      <c r="E72"/>
      <c r="F72"/>
      <c r="G72"/>
      <c r="H72"/>
      <c r="I72" s="7"/>
    </row>
    <row r="73" spans="2:9" x14ac:dyDescent="0.2">
      <c r="B73" s="8"/>
      <c r="C73"/>
      <c r="D73"/>
      <c r="E73"/>
      <c r="F73"/>
      <c r="G73"/>
      <c r="H73"/>
      <c r="I73" s="7"/>
    </row>
    <row r="74" spans="2:9" x14ac:dyDescent="0.2">
      <c r="B74" s="8"/>
      <c r="C74"/>
      <c r="D74"/>
      <c r="E74"/>
      <c r="F74"/>
      <c r="G74"/>
      <c r="H74"/>
      <c r="I74" s="7"/>
    </row>
    <row r="75" spans="2:9" x14ac:dyDescent="0.2">
      <c r="B75" s="8"/>
      <c r="C75"/>
      <c r="D75"/>
      <c r="E75"/>
      <c r="F75"/>
      <c r="G75"/>
      <c r="H75"/>
      <c r="I75" s="7"/>
    </row>
    <row r="76" spans="2:9" x14ac:dyDescent="0.2">
      <c r="B76" s="8"/>
      <c r="C76"/>
      <c r="D76"/>
      <c r="E76"/>
      <c r="F76"/>
      <c r="G76"/>
      <c r="H76"/>
      <c r="I76" s="7"/>
    </row>
    <row r="77" spans="2:9" x14ac:dyDescent="0.2">
      <c r="B77" s="8"/>
      <c r="C77"/>
      <c r="D77"/>
      <c r="E77"/>
      <c r="F77"/>
      <c r="G77"/>
      <c r="H77"/>
      <c r="I77" s="7"/>
    </row>
    <row r="78" spans="2:9" x14ac:dyDescent="0.2">
      <c r="B78" s="8"/>
      <c r="C78"/>
      <c r="D78"/>
      <c r="E78"/>
      <c r="F78"/>
      <c r="G78"/>
      <c r="H78"/>
      <c r="I78" s="7"/>
    </row>
    <row r="79" spans="2:9" x14ac:dyDescent="0.2">
      <c r="B79" s="8"/>
      <c r="C79"/>
      <c r="D79"/>
      <c r="E79"/>
      <c r="F79"/>
      <c r="G79"/>
      <c r="H79"/>
      <c r="I79" s="7"/>
    </row>
    <row r="80" spans="2:9" x14ac:dyDescent="0.2">
      <c r="B80" s="8"/>
      <c r="C80"/>
      <c r="D80"/>
      <c r="E80"/>
      <c r="F80"/>
      <c r="G80"/>
      <c r="H80"/>
      <c r="I80" s="7"/>
    </row>
    <row r="81" spans="2:9" x14ac:dyDescent="0.2">
      <c r="B81" s="8"/>
      <c r="C81"/>
      <c r="D81"/>
      <c r="E81"/>
      <c r="F81"/>
      <c r="G81"/>
      <c r="H81"/>
      <c r="I81" s="7"/>
    </row>
    <row r="82" spans="2:9" x14ac:dyDescent="0.2">
      <c r="B82" s="8"/>
      <c r="C82"/>
      <c r="D82"/>
      <c r="E82"/>
      <c r="F82"/>
      <c r="G82"/>
      <c r="H82"/>
      <c r="I82" s="7"/>
    </row>
    <row r="83" spans="2:9" x14ac:dyDescent="0.2">
      <c r="B83" s="8"/>
      <c r="C83"/>
      <c r="D83"/>
      <c r="E83"/>
      <c r="F83"/>
      <c r="G83"/>
      <c r="H83"/>
      <c r="I83" s="7"/>
    </row>
    <row r="84" spans="2:9" x14ac:dyDescent="0.2">
      <c r="B84" s="8"/>
      <c r="C84"/>
      <c r="D84"/>
      <c r="E84"/>
      <c r="F84"/>
      <c r="G84"/>
      <c r="H84"/>
      <c r="I84" s="7"/>
    </row>
    <row r="85" spans="2:9" x14ac:dyDescent="0.2">
      <c r="B85" s="8"/>
      <c r="C85"/>
      <c r="D85"/>
      <c r="E85"/>
      <c r="F85"/>
      <c r="G85"/>
      <c r="H85"/>
      <c r="I85" s="7"/>
    </row>
    <row r="86" spans="2:9" x14ac:dyDescent="0.2">
      <c r="B86" s="8"/>
      <c r="C86"/>
      <c r="D86"/>
      <c r="E86"/>
      <c r="F86"/>
      <c r="G86"/>
      <c r="H86"/>
      <c r="I86" s="7"/>
    </row>
    <row r="87" spans="2:9" x14ac:dyDescent="0.2">
      <c r="B87" s="8"/>
      <c r="C87"/>
      <c r="D87"/>
      <c r="E87"/>
      <c r="F87"/>
      <c r="G87"/>
      <c r="H87"/>
      <c r="I87" s="7"/>
    </row>
    <row r="88" spans="2:9" x14ac:dyDescent="0.2">
      <c r="B88" s="8"/>
      <c r="C88"/>
      <c r="D88"/>
      <c r="E88"/>
      <c r="F88"/>
      <c r="G88"/>
      <c r="H88"/>
      <c r="I88" s="7"/>
    </row>
    <row r="89" spans="2:9" x14ac:dyDescent="0.2">
      <c r="B89" s="8"/>
      <c r="C89"/>
      <c r="D89"/>
      <c r="E89"/>
      <c r="F89"/>
      <c r="G89"/>
      <c r="H89"/>
      <c r="I89" s="7"/>
    </row>
  </sheetData>
  <mergeCells count="9">
    <mergeCell ref="I33:L33"/>
    <mergeCell ref="G3:H3"/>
    <mergeCell ref="B6:B7"/>
    <mergeCell ref="B8:B13"/>
    <mergeCell ref="B14:B20"/>
    <mergeCell ref="B21:B25"/>
    <mergeCell ref="B26:B27"/>
    <mergeCell ref="B28:B30"/>
    <mergeCell ref="B31:B32"/>
  </mergeCells>
  <phoneticPr fontId="1"/>
  <pageMargins left="0.78700000000000003" right="0.78700000000000003" top="0.98399999999999999" bottom="0.98399999999999999" header="0.51200000000000001" footer="0.51200000000000001"/>
  <pageSetup paperSize="9" scale="73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幼稚園</vt:lpstr>
      <vt:lpstr>幼稚園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2-02-01T07:07:16Z</cp:lastPrinted>
  <dcterms:created xsi:type="dcterms:W3CDTF">2009-12-22T06:48:18Z</dcterms:created>
  <dcterms:modified xsi:type="dcterms:W3CDTF">2024-03-22T07:46:50Z</dcterms:modified>
</cp:coreProperties>
</file>